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bookmarkStart w:id="0" w:name="_GoBack"/>
    <w:bookmarkEnd w:id="0"/>
    <w:p w14:paraId="222DE71C" w14:textId="3A0C9C61" w:rsidR="00200749" w:rsidRDefault="00F473EC" w:rsidP="00200749">
      <w:pPr>
        <w:rPr>
          <w:b/>
        </w:rPr>
      </w:pPr>
      <w:r>
        <w:rPr>
          <w:noProof/>
          <w:lang w:val="en-SG" w:eastAsia="zh-CN"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060F2D3D" wp14:editId="4A747ACC">
                <wp:simplePos x="0" y="0"/>
                <wp:positionH relativeFrom="column">
                  <wp:posOffset>4705350</wp:posOffset>
                </wp:positionH>
                <wp:positionV relativeFrom="paragraph">
                  <wp:posOffset>-374650</wp:posOffset>
                </wp:positionV>
                <wp:extent cx="1362075" cy="1704975"/>
                <wp:effectExtent l="0" t="0" r="28575" b="28575"/>
                <wp:wrapNone/>
                <wp:docPr id="4" name="Rectangle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62075" cy="1704975"/>
                        </a:xfrm>
                        <a:prstGeom prst="rect">
                          <a:avLst/>
                        </a:prstGeom>
                        <a:ln/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34EC9C6" w14:textId="77777777" w:rsidR="00200749" w:rsidRDefault="00200749" w:rsidP="00200749">
                            <w:pPr>
                              <w:jc w:val="center"/>
                            </w:pPr>
                            <w:r>
                              <w:t>Recent photograph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<w:pict>
              <v:rect w14:anchorId="060F2D3D" id="Rectangle 4" o:spid="_x0000_s1026" style="position:absolute;margin-left:370.5pt;margin-top:-29.5pt;width:107.25pt;height:134.2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" fillcolor="white [3201]" strokecolor="black [3200]" strokeweight="1pt">
                <v:textbox>
                  <w:txbxContent>
                    <w:p w14:paraId="634EC9C6" w14:textId="77777777" w:rsidR="00200749" w:rsidRDefault="00200749" w:rsidP="00200749">
                      <w:pPr>
                        <w:jc w:val="center"/>
                      </w:pPr>
                      <w:r>
                        <w:t>Recent photograph</w:t>
                      </w:r>
                    </w:p>
                  </w:txbxContent>
                </v:textbox>
              </v:rect>
            </w:pict>
          </mc:Fallback>
        </mc:AlternateContent>
      </w:r>
      <w:r w:rsidR="00200749">
        <w:rPr>
          <w:noProof/>
          <w:lang w:val="en-SG" w:eastAsia="zh-CN"/>
        </w:rPr>
        <w:drawing>
          <wp:inline distT="0" distB="0" distL="0" distR="0" wp14:anchorId="1A86A7AA" wp14:editId="3ADADB4E">
            <wp:extent cx="1952625" cy="800100"/>
            <wp:effectExtent l="0" t="0" r="9525" b="0"/>
            <wp:docPr id="2" name="Picture 2" descr="D:\Users\s00874\AppData\Local\Microsoft\Windows\Temporary Internet Files\Content.Word\Formallogo(B&amp;W)inPanton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Users\s00874\AppData\Local\Microsoft\Windows\Temporary Internet Files\Content.Word\Formallogo(B&amp;W)inPantone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52625" cy="800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607F24A" w14:textId="77777777" w:rsidR="00200749" w:rsidRDefault="00200749" w:rsidP="00200749">
      <w:pPr>
        <w:rPr>
          <w:b/>
        </w:rPr>
      </w:pPr>
    </w:p>
    <w:p w14:paraId="09E6E7EA" w14:textId="1A9D4C02" w:rsidR="00200749" w:rsidRDefault="00200749" w:rsidP="00200749">
      <w:pPr>
        <w:rPr>
          <w:b/>
        </w:rPr>
      </w:pPr>
    </w:p>
    <w:p w14:paraId="4AE42E27" w14:textId="77777777" w:rsidR="00F473EC" w:rsidRDefault="00F473EC" w:rsidP="007C001B">
      <w:pPr>
        <w:jc w:val="center"/>
        <w:rPr>
          <w:b/>
          <w:sz w:val="28"/>
          <w:szCs w:val="28"/>
        </w:rPr>
      </w:pPr>
    </w:p>
    <w:p w14:paraId="7A5BA61D" w14:textId="10D80929" w:rsidR="00200749" w:rsidRPr="00CE5068" w:rsidRDefault="00200749" w:rsidP="007C001B">
      <w:pPr>
        <w:jc w:val="center"/>
        <w:rPr>
          <w:b/>
          <w:sz w:val="28"/>
          <w:szCs w:val="28"/>
        </w:rPr>
      </w:pPr>
      <w:r w:rsidRPr="00CE5068">
        <w:rPr>
          <w:b/>
          <w:sz w:val="28"/>
          <w:szCs w:val="28"/>
        </w:rPr>
        <w:t xml:space="preserve">SINGAPORE POLYTECHNIC ENTRANCE TEST </w:t>
      </w:r>
      <w:r>
        <w:rPr>
          <w:b/>
          <w:sz w:val="28"/>
          <w:szCs w:val="28"/>
        </w:rPr>
        <w:t>REGISTRATION FORM</w:t>
      </w:r>
    </w:p>
    <w:p w14:paraId="2900A9E3" w14:textId="0EAE3A17" w:rsidR="00200749" w:rsidRPr="00CE5068" w:rsidRDefault="00200749" w:rsidP="00124AF3">
      <w:pPr>
        <w:jc w:val="center"/>
        <w:rPr>
          <w:b/>
          <w:sz w:val="28"/>
          <w:szCs w:val="28"/>
        </w:rPr>
      </w:pPr>
      <w:r>
        <w:rPr>
          <w:b/>
          <w:sz w:val="28"/>
          <w:szCs w:val="28"/>
        </w:rPr>
        <w:t>APRIL 202</w:t>
      </w:r>
      <w:r w:rsidR="00124AF3">
        <w:rPr>
          <w:b/>
          <w:sz w:val="28"/>
          <w:szCs w:val="28"/>
        </w:rPr>
        <w:t>2</w:t>
      </w:r>
      <w:r w:rsidRPr="00CE5068">
        <w:rPr>
          <w:b/>
          <w:sz w:val="28"/>
          <w:szCs w:val="28"/>
        </w:rPr>
        <w:t xml:space="preserve"> INTAKE</w:t>
      </w:r>
    </w:p>
    <w:p w14:paraId="19822CFA" w14:textId="43C70AD4" w:rsidR="00200749" w:rsidRDefault="00200749" w:rsidP="00200749"/>
    <w:p w14:paraId="0A278FBC" w14:textId="0656C0BF" w:rsidR="00F473EC" w:rsidRPr="00F473EC" w:rsidRDefault="00F473EC" w:rsidP="00F473EC">
      <w:pPr>
        <w:rPr>
          <w:b/>
          <w:bCs/>
        </w:rPr>
      </w:pPr>
      <w:r w:rsidRPr="00F473EC">
        <w:rPr>
          <w:b/>
          <w:bCs/>
        </w:rPr>
        <w:t>TEST DATE:</w:t>
      </w:r>
      <w:r w:rsidRPr="00F473EC">
        <w:rPr>
          <w:b/>
          <w:bCs/>
        </w:rPr>
        <w:tab/>
      </w:r>
      <w:r w:rsidRPr="00F473EC">
        <w:rPr>
          <w:b/>
          <w:bCs/>
        </w:rPr>
        <w:tab/>
      </w:r>
      <w:r w:rsidR="003A5BC6">
        <w:rPr>
          <w:b/>
          <w:bCs/>
        </w:rPr>
        <w:t>8</w:t>
      </w:r>
      <w:r w:rsidR="0058283D">
        <w:rPr>
          <w:b/>
          <w:bCs/>
        </w:rPr>
        <w:t xml:space="preserve"> March 2022</w:t>
      </w:r>
    </w:p>
    <w:p w14:paraId="2FC74179" w14:textId="77777777" w:rsidR="00F473EC" w:rsidRDefault="00F473EC" w:rsidP="00200749"/>
    <w:p w14:paraId="7C7A391E" w14:textId="77777777" w:rsidR="00F473EC" w:rsidRPr="00125C1F" w:rsidRDefault="00F473EC" w:rsidP="00F473EC">
      <w:pPr>
        <w:rPr>
          <w:b/>
          <w:bCs/>
          <w:u w:val="single"/>
        </w:rPr>
      </w:pPr>
      <w:r w:rsidRPr="00125C1F">
        <w:rPr>
          <w:b/>
          <w:bCs/>
          <w:u w:val="single"/>
        </w:rPr>
        <w:t>Instructions for Submission</w:t>
      </w:r>
    </w:p>
    <w:p w14:paraId="77EE35F9" w14:textId="18C7FCAC" w:rsidR="00F473EC" w:rsidRDefault="00F473EC" w:rsidP="00F473EC">
      <w:pPr>
        <w:pStyle w:val="ListParagraph"/>
        <w:numPr>
          <w:ilvl w:val="0"/>
          <w:numId w:val="1"/>
        </w:numPr>
      </w:pPr>
      <w:r>
        <w:t>Please complete the form and fill in each field appropriately. If a field is not applicable for you, please fill in N/A.</w:t>
      </w:r>
    </w:p>
    <w:p w14:paraId="6A71B5B4" w14:textId="128008FA" w:rsidR="00C74290" w:rsidRDefault="00C74290" w:rsidP="00F473EC">
      <w:pPr>
        <w:pStyle w:val="ListParagraph"/>
        <w:numPr>
          <w:ilvl w:val="0"/>
          <w:numId w:val="1"/>
        </w:numPr>
      </w:pPr>
      <w:r w:rsidRPr="00C74290">
        <w:t>Please also submit a recent passport-sized colour photo (file size less than 1MB) taken within the last month. You may refer to the Administrative Note for the photo requirements.</w:t>
      </w:r>
    </w:p>
    <w:p w14:paraId="0C478AE3" w14:textId="60E47247" w:rsidR="00F473EC" w:rsidRDefault="00F473EC" w:rsidP="00F473EC">
      <w:pPr>
        <w:pStyle w:val="ListParagraph"/>
        <w:numPr>
          <w:ilvl w:val="0"/>
          <w:numId w:val="1"/>
        </w:numPr>
      </w:pPr>
      <w:r>
        <w:t xml:space="preserve">Please ensure that the photograph of your room layout shows sufficient space around your desk </w:t>
      </w:r>
      <w:proofErr w:type="gramStart"/>
      <w:r>
        <w:t>and</w:t>
      </w:r>
      <w:proofErr w:type="gramEnd"/>
      <w:r>
        <w:t xml:space="preserve"> the surroundings.</w:t>
      </w:r>
    </w:p>
    <w:p w14:paraId="3B2D8860" w14:textId="6AAA29FA" w:rsidR="00F473EC" w:rsidRDefault="00F473EC" w:rsidP="00F473EC">
      <w:pPr>
        <w:pStyle w:val="ListParagraph"/>
        <w:numPr>
          <w:ilvl w:val="0"/>
          <w:numId w:val="1"/>
        </w:numPr>
      </w:pPr>
      <w:r>
        <w:t xml:space="preserve">For </w:t>
      </w:r>
      <w:r w:rsidR="001B177D">
        <w:t>candidates</w:t>
      </w:r>
      <w:r>
        <w:t xml:space="preserve"> not taking the Mathematics </w:t>
      </w:r>
      <w:r w:rsidR="004071AE">
        <w:t xml:space="preserve">and/or Science </w:t>
      </w:r>
      <w:r>
        <w:t>paper, the photograph of your calculator is not needed.</w:t>
      </w:r>
    </w:p>
    <w:p w14:paraId="0C1EE618" w14:textId="152D8CE2" w:rsidR="00C02FF9" w:rsidRDefault="00C02FF9" w:rsidP="00C02FF9">
      <w:pPr>
        <w:pStyle w:val="ListParagraph"/>
        <w:numPr>
          <w:ilvl w:val="0"/>
          <w:numId w:val="1"/>
        </w:numPr>
      </w:pPr>
      <w:r>
        <w:t>Please submit a clear image of your passport/identity card showing your personal particulars.</w:t>
      </w:r>
    </w:p>
    <w:p w14:paraId="382A4B9C" w14:textId="77777777" w:rsidR="00F473EC" w:rsidRDefault="00F473EC" w:rsidP="00F473EC">
      <w:pPr>
        <w:pStyle w:val="ListParagraph"/>
        <w:numPr>
          <w:ilvl w:val="0"/>
          <w:numId w:val="1"/>
        </w:numPr>
      </w:pPr>
      <w:r>
        <w:t>Please ensure that you read the declaration carefully and understand it fully before signing off.</w:t>
      </w:r>
    </w:p>
    <w:p w14:paraId="4B351DB6" w14:textId="1F01D2D3" w:rsidR="00F473EC" w:rsidRDefault="00F473EC" w:rsidP="00F473EC">
      <w:pPr>
        <w:pStyle w:val="ListParagraph"/>
        <w:numPr>
          <w:ilvl w:val="0"/>
          <w:numId w:val="1"/>
        </w:numPr>
      </w:pPr>
      <w:r>
        <w:t xml:space="preserve">Once this form is complete, you should submit it via email to </w:t>
      </w:r>
      <w:r w:rsidR="00124AF3">
        <w:t>Ms Nurul Ain</w:t>
      </w:r>
      <w:r>
        <w:t xml:space="preserve"> at </w:t>
      </w:r>
      <w:hyperlink r:id="rId11" w:history="1">
        <w:r w:rsidR="00124AF3" w:rsidRPr="00893401">
          <w:rPr>
            <w:rStyle w:val="Hyperlink"/>
          </w:rPr>
          <w:t>nurul_ain_abdul_aziz@spi.edu.sg</w:t>
        </w:r>
      </w:hyperlink>
      <w:r>
        <w:t>.</w:t>
      </w:r>
    </w:p>
    <w:p w14:paraId="64C21FB2" w14:textId="20C9A014" w:rsidR="00200749" w:rsidRDefault="00200749" w:rsidP="00200749">
      <w:r>
        <w:tab/>
      </w:r>
    </w:p>
    <w:p w14:paraId="5DBB68B9" w14:textId="77777777" w:rsidR="00200749" w:rsidRDefault="00200749" w:rsidP="00200749"/>
    <w:p w14:paraId="79AD7C16" w14:textId="77777777" w:rsidR="00200749" w:rsidRDefault="00200749" w:rsidP="00200749">
      <w:r>
        <w:t>Name:  _________________________________________________________________</w:t>
      </w:r>
    </w:p>
    <w:p w14:paraId="0F7E5400" w14:textId="77777777" w:rsidR="00200749" w:rsidRDefault="00200749" w:rsidP="00200749">
      <w:pPr>
        <w:jc w:val="center"/>
      </w:pPr>
      <w:r>
        <w:t>(Full name as in Identity Card / Passport)</w:t>
      </w:r>
    </w:p>
    <w:p w14:paraId="7C694F26" w14:textId="3535FA7B" w:rsidR="00200749" w:rsidRDefault="00200749" w:rsidP="00200749"/>
    <w:p w14:paraId="6F0E6C1F" w14:textId="79D60457" w:rsidR="00200749" w:rsidRDefault="00200749" w:rsidP="00200749"/>
    <w:p w14:paraId="1756E344" w14:textId="2BF70B6E" w:rsidR="00200749" w:rsidRDefault="00200749" w:rsidP="00200749">
      <w:r>
        <w:t>Name in Chinese characters (if any): _________________________________________</w:t>
      </w:r>
    </w:p>
    <w:p w14:paraId="7B5960DF" w14:textId="47CE287B" w:rsidR="00200749" w:rsidRDefault="00200749" w:rsidP="00200749"/>
    <w:p w14:paraId="2EE63B8E" w14:textId="28AA1A6F" w:rsidR="00200749" w:rsidRDefault="00200749" w:rsidP="00200749"/>
    <w:p w14:paraId="518789D5" w14:textId="77777777" w:rsidR="00200749" w:rsidRDefault="00200749" w:rsidP="00200749">
      <w:r>
        <w:t>Identity Card / Passport Number: ___________________________________________</w:t>
      </w:r>
    </w:p>
    <w:p w14:paraId="57BF82A6" w14:textId="4E996D18" w:rsidR="00200749" w:rsidRDefault="00200749" w:rsidP="00200749"/>
    <w:p w14:paraId="69040513" w14:textId="7F0B222B" w:rsidR="00200749" w:rsidRDefault="00200749" w:rsidP="00200749"/>
    <w:p w14:paraId="5A43A3E2" w14:textId="77777777" w:rsidR="00200749" w:rsidRDefault="00200749" w:rsidP="00200749">
      <w:r>
        <w:t xml:space="preserve">Singapore </w:t>
      </w:r>
      <w:proofErr w:type="spellStart"/>
      <w:r>
        <w:t>Handphone</w:t>
      </w:r>
      <w:proofErr w:type="spellEnd"/>
      <w:r>
        <w:t xml:space="preserve"> Number (if any): ______________________________________</w:t>
      </w:r>
    </w:p>
    <w:p w14:paraId="6FF30A36" w14:textId="44603E42" w:rsidR="00200749" w:rsidRDefault="00200749" w:rsidP="00200749"/>
    <w:p w14:paraId="59DBB626" w14:textId="58A6D5A2" w:rsidR="00200749" w:rsidRDefault="00200749" w:rsidP="00200749"/>
    <w:p w14:paraId="5CE7A572" w14:textId="5049FB4C" w:rsidR="00200749" w:rsidRDefault="00200749" w:rsidP="00200749">
      <w:r>
        <w:t>Signature: ______________________________________________________________</w:t>
      </w:r>
    </w:p>
    <w:p w14:paraId="3DC2F7DB" w14:textId="77777777" w:rsidR="00200749" w:rsidRDefault="00200749" w:rsidP="00200749"/>
    <w:p w14:paraId="7989E877" w14:textId="1DCD3639" w:rsidR="00D97BDA" w:rsidRDefault="00D97BDA">
      <w:pPr>
        <w:spacing w:after="160" w:line="259" w:lineRule="auto"/>
      </w:pPr>
      <w:r>
        <w:br w:type="page"/>
      </w:r>
    </w:p>
    <w:p w14:paraId="64A5E7F2" w14:textId="77777777" w:rsidR="00200749" w:rsidRDefault="00200749" w:rsidP="00200749"/>
    <w:p w14:paraId="3AA814BE" w14:textId="0B20A948" w:rsidR="00200749" w:rsidRDefault="00B132F4" w:rsidP="00200749">
      <w:r>
        <w:rPr>
          <w:noProof/>
          <w:lang w:val="en-SG" w:eastAsia="zh-CN"/>
        </w:rPr>
        <mc:AlternateContent>
          <mc:Choice Requires="wps">
            <w:drawing>
              <wp:anchor distT="0" distB="0" distL="114300" distR="114300" simplePos="0" relativeHeight="251658241" behindDoc="0" locked="0" layoutInCell="1" allowOverlap="1" wp14:anchorId="03283542" wp14:editId="70515172">
                <wp:simplePos x="0" y="0"/>
                <wp:positionH relativeFrom="column">
                  <wp:posOffset>-330200</wp:posOffset>
                </wp:positionH>
                <wp:positionV relativeFrom="paragraph">
                  <wp:posOffset>120651</wp:posOffset>
                </wp:positionV>
                <wp:extent cx="6391275" cy="4235450"/>
                <wp:effectExtent l="0" t="0" r="28575" b="12700"/>
                <wp:wrapNone/>
                <wp:docPr id="3" name="Rectangle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391275" cy="4235450"/>
                        </a:xfrm>
                        <a:prstGeom prst="rect">
                          <a:avLst/>
                        </a:prstGeom>
                        <a:ln/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1AA9485" w14:textId="77777777" w:rsidR="00E257C6" w:rsidRDefault="00E257C6" w:rsidP="00200749">
                            <w:pPr>
                              <w:jc w:val="center"/>
                            </w:pPr>
                            <w:r>
                              <w:t xml:space="preserve">Photograph of room layout for verification </w:t>
                            </w:r>
                          </w:p>
                          <w:p w14:paraId="671E5ACF" w14:textId="024F0256" w:rsidR="00E257C6" w:rsidRPr="0058283D" w:rsidRDefault="00E257C6" w:rsidP="0058283D">
                            <w:pPr>
                              <w:jc w:val="center"/>
                            </w:pPr>
                            <w:r>
                              <w:t>(</w:t>
                            </w:r>
                            <w:proofErr w:type="gramStart"/>
                            <w:r>
                              <w:t>refer</w:t>
                            </w:r>
                            <w:proofErr w:type="gramEnd"/>
                            <w:r>
                              <w:t xml:space="preserve"> to Administrative Note)</w:t>
                            </w:r>
                            <w:r w:rsidR="008A7769">
                              <w:t xml:space="preserve">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<w:pict>
              <v:rect w14:anchorId="03283542" id="Rectangle 3" o:spid="_x0000_s1027" style="position:absolute;margin-left:-26pt;margin-top:9.5pt;width:503.25pt;height:333.5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" fillcolor="white [3201]" strokecolor="black [3200]" strokeweight="1pt">
                <v:textbox>
                  <w:txbxContent>
                    <w:p w14:paraId="11AA9485" w14:textId="77777777" w:rsidR="00E257C6" w:rsidRDefault="00E257C6" w:rsidP="00200749">
                      <w:pPr>
                        <w:jc w:val="center"/>
                      </w:pPr>
                      <w:r>
                        <w:t xml:space="preserve">Photograph of room layout for verification </w:t>
                      </w:r>
                    </w:p>
                    <w:p w14:paraId="671E5ACF" w14:textId="024F0256" w:rsidR="00E257C6" w:rsidRPr="0058283D" w:rsidRDefault="00E257C6" w:rsidP="0058283D">
                      <w:pPr>
                        <w:jc w:val="center"/>
                      </w:pPr>
                      <w:r>
                        <w:t>(refer to Administrative Note)</w:t>
                      </w:r>
                      <w:r w:rsidR="008A7769">
                        <w:t xml:space="preserve"> </w:t>
                      </w:r>
                    </w:p>
                  </w:txbxContent>
                </v:textbox>
              </v:rect>
            </w:pict>
          </mc:Fallback>
        </mc:AlternateContent>
      </w:r>
      <w:r w:rsidR="00200749">
        <w:tab/>
      </w:r>
      <w:r w:rsidR="00200749">
        <w:tab/>
      </w:r>
      <w:r w:rsidR="00200749">
        <w:tab/>
      </w:r>
      <w:r w:rsidR="00200749">
        <w:tab/>
      </w:r>
    </w:p>
    <w:p w14:paraId="5D308C12" w14:textId="77777777" w:rsidR="00200749" w:rsidRDefault="00200749" w:rsidP="00200749"/>
    <w:p w14:paraId="2A7A8095" w14:textId="27306D66" w:rsidR="00E257C6" w:rsidRDefault="00E257C6">
      <w:pPr>
        <w:spacing w:after="160" w:line="259" w:lineRule="auto"/>
      </w:pPr>
    </w:p>
    <w:p w14:paraId="4A142AD2" w14:textId="0272D9F8" w:rsidR="00F473EC" w:rsidRDefault="00B132F4">
      <w:pPr>
        <w:spacing w:after="160" w:line="259" w:lineRule="auto"/>
      </w:pPr>
      <w:r>
        <w:rPr>
          <w:noProof/>
          <w:lang w:val="en-SG" w:eastAsia="zh-CN"/>
        </w:rPr>
        <mc:AlternateContent>
          <mc:Choice Requires="wps">
            <w:drawing>
              <wp:anchor distT="0" distB="0" distL="114300" distR="114300" simplePos="0" relativeHeight="251658242" behindDoc="0" locked="0" layoutInCell="1" allowOverlap="1" wp14:anchorId="1DB81583" wp14:editId="59F6CB9F">
                <wp:simplePos x="0" y="0"/>
                <wp:positionH relativeFrom="column">
                  <wp:posOffset>-329609</wp:posOffset>
                </wp:positionH>
                <wp:positionV relativeFrom="paragraph">
                  <wp:posOffset>3851925</wp:posOffset>
                </wp:positionV>
                <wp:extent cx="6391275" cy="4805916"/>
                <wp:effectExtent l="0" t="0" r="28575" b="13970"/>
                <wp:wrapNone/>
                <wp:docPr id="5" name="Rectangle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391275" cy="4805916"/>
                        </a:xfrm>
                        <a:prstGeom prst="rect">
                          <a:avLst/>
                        </a:prstGeom>
                        <a:ln/>
                      </wps:spPr>
                      <wps:style>
                        <a:lnRef idx="2">
                          <a:schemeClr val="dk1"/>
                        </a:lnRef>
                        <a:fillRef idx="1">
                          <a:schemeClr val="lt1"/>
                        </a:fillRef>
                        <a:effectRef idx="0">
                          <a:schemeClr val="dk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05C7914" w14:textId="77777777" w:rsidR="00E257C6" w:rsidRDefault="00E257C6" w:rsidP="00200749">
                            <w:pPr>
                              <w:jc w:val="center"/>
                            </w:pPr>
                            <w:r>
                              <w:t xml:space="preserve">Photograph of calculator for verification – if applicable </w:t>
                            </w:r>
                          </w:p>
                          <w:p w14:paraId="140F7B28" w14:textId="0D75842D" w:rsidR="00E257C6" w:rsidRDefault="00E257C6" w:rsidP="00200749">
                            <w:pPr>
                              <w:jc w:val="center"/>
                            </w:pPr>
                            <w:r>
                              <w:t>(</w:t>
                            </w:r>
                            <w:proofErr w:type="gramStart"/>
                            <w:r>
                              <w:t>refer</w:t>
                            </w:r>
                            <w:proofErr w:type="gramEnd"/>
                            <w:r>
                              <w:t xml:space="preserve"> to Administrative Note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<w:pict>
              <v:rect w14:anchorId="1DB81583" id="Rectangle 5" o:spid="_x0000_s1028" style="position:absolute;margin-left:-25.95pt;margin-top:303.3pt;width:503.25pt;height:378.4pt;z-index:25165824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" fillcolor="white [3201]" strokecolor="black [3200]" strokeweight="1pt">
                <v:textbox>
                  <w:txbxContent>
                    <w:p w14:paraId="705C7914" w14:textId="77777777" w:rsidR="00E257C6" w:rsidRDefault="00E257C6" w:rsidP="00200749">
                      <w:pPr>
                        <w:jc w:val="center"/>
                      </w:pPr>
                      <w:r>
                        <w:t xml:space="preserve">Photograph of calculator for verification – if applicable </w:t>
                      </w:r>
                    </w:p>
                    <w:p w14:paraId="140F7B28" w14:textId="0D75842D" w:rsidR="00E257C6" w:rsidRDefault="00E257C6" w:rsidP="00200749">
                      <w:pPr>
                        <w:jc w:val="center"/>
                      </w:pPr>
                      <w:r>
                        <w:t>(refer to Administrative Note)</w:t>
                      </w:r>
                    </w:p>
                  </w:txbxContent>
                </v:textbox>
              </v:rect>
            </w:pict>
          </mc:Fallback>
        </mc:AlternateContent>
      </w:r>
      <w:r w:rsidR="00F473EC">
        <w:br w:type="page"/>
      </w:r>
    </w:p>
    <w:p w14:paraId="57CF1FB1" w14:textId="673C9CFB" w:rsidR="00124AF3" w:rsidRDefault="007B7752">
      <w:pPr>
        <w:spacing w:after="160" w:line="259" w:lineRule="auto"/>
      </w:pPr>
      <w:r>
        <w:rPr>
          <w:noProof/>
          <w:lang w:val="en-SG" w:eastAsia="zh-CN"/>
        </w:rPr>
        <mc:AlternateContent>
          <mc:Choice Requires="wps">
            <w:drawing>
              <wp:anchor distT="0" distB="0" distL="114300" distR="114300" simplePos="0" relativeHeight="251658243" behindDoc="0" locked="0" layoutInCell="1" allowOverlap="1" wp14:anchorId="1B5F3E4D" wp14:editId="581EE21B">
                <wp:simplePos x="0" y="0"/>
                <wp:positionH relativeFrom="margin">
                  <wp:posOffset>-316523</wp:posOffset>
                </wp:positionH>
                <wp:positionV relativeFrom="paragraph">
                  <wp:posOffset>7034</wp:posOffset>
                </wp:positionV>
                <wp:extent cx="6386732" cy="3727938"/>
                <wp:effectExtent l="0" t="0" r="14605" b="25400"/>
                <wp:wrapNone/>
                <wp:docPr id="6" name="Rectangle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386732" cy="3727938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  <w:pict>
              <v:rect w14:anchorId="492F4559" id="Rectangle 6" o:spid="_x0000_s1026" style="position:absolute;margin-left:-24.9pt;margin-top:.55pt;width:502.9pt;height:293.55pt;z-index:25166540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" filled="f" strokecolor="black [3213]" strokeweight="1pt">
                <w10:wrap anchorx="margin"/>
              </v:rect>
            </w:pict>
          </mc:Fallback>
        </mc:AlternateContent>
      </w:r>
    </w:p>
    <w:p w14:paraId="2CB709C0" w14:textId="77777777" w:rsidR="007B7752" w:rsidRDefault="007B7752">
      <w:pPr>
        <w:spacing w:after="160" w:line="259" w:lineRule="auto"/>
      </w:pPr>
    </w:p>
    <w:p w14:paraId="169F9B6D" w14:textId="77777777" w:rsidR="007B7752" w:rsidRDefault="007B7752">
      <w:pPr>
        <w:spacing w:after="160" w:line="259" w:lineRule="auto"/>
      </w:pPr>
    </w:p>
    <w:p w14:paraId="0141879F" w14:textId="77777777" w:rsidR="007B7752" w:rsidRDefault="007B7752">
      <w:pPr>
        <w:spacing w:after="160" w:line="259" w:lineRule="auto"/>
      </w:pPr>
    </w:p>
    <w:p w14:paraId="64E2F97F" w14:textId="77777777" w:rsidR="007B7752" w:rsidRDefault="007B7752" w:rsidP="007B7752">
      <w:pPr>
        <w:jc w:val="center"/>
      </w:pPr>
    </w:p>
    <w:p w14:paraId="7B8A5DAC" w14:textId="77777777" w:rsidR="00067CC3" w:rsidRDefault="00067CC3" w:rsidP="007B7752">
      <w:pPr>
        <w:jc w:val="center"/>
      </w:pPr>
    </w:p>
    <w:p w14:paraId="42932B55" w14:textId="77777777" w:rsidR="007B7752" w:rsidRDefault="007B7752" w:rsidP="007B7752">
      <w:pPr>
        <w:jc w:val="center"/>
      </w:pPr>
    </w:p>
    <w:p w14:paraId="738D6504" w14:textId="77777777" w:rsidR="003F0D19" w:rsidRDefault="003F0D19" w:rsidP="003F0D19">
      <w:pPr>
        <w:jc w:val="center"/>
      </w:pPr>
      <w:r>
        <w:t xml:space="preserve">Photograph of your passport/identify card </w:t>
      </w:r>
    </w:p>
    <w:p w14:paraId="12693B00" w14:textId="77777777" w:rsidR="003F0D19" w:rsidRDefault="003F0D19" w:rsidP="003F0D19">
      <w:pPr>
        <w:jc w:val="center"/>
      </w:pPr>
      <w:r>
        <w:t>(</w:t>
      </w:r>
      <w:proofErr w:type="gramStart"/>
      <w:r>
        <w:t>image</w:t>
      </w:r>
      <w:proofErr w:type="gramEnd"/>
      <w:r>
        <w:t xml:space="preserve"> should include your personal particulars)</w:t>
      </w:r>
    </w:p>
    <w:p w14:paraId="2C7B0D88" w14:textId="77777777" w:rsidR="007B7752" w:rsidRDefault="007B7752">
      <w:pPr>
        <w:spacing w:after="160" w:line="259" w:lineRule="auto"/>
      </w:pPr>
    </w:p>
    <w:p w14:paraId="5D4644E0" w14:textId="77777777" w:rsidR="007B7752" w:rsidRDefault="007B7752">
      <w:pPr>
        <w:spacing w:after="160" w:line="259" w:lineRule="auto"/>
      </w:pPr>
    </w:p>
    <w:p w14:paraId="3A9A4B78" w14:textId="77777777" w:rsidR="007B7752" w:rsidRDefault="007B7752">
      <w:pPr>
        <w:spacing w:after="160" w:line="259" w:lineRule="auto"/>
      </w:pPr>
    </w:p>
    <w:p w14:paraId="3CB0EF4E" w14:textId="77777777" w:rsidR="007B7752" w:rsidRDefault="007B7752">
      <w:pPr>
        <w:spacing w:after="160" w:line="259" w:lineRule="auto"/>
        <w:rPr>
          <w:b/>
          <w:bCs/>
          <w:sz w:val="28"/>
          <w:szCs w:val="28"/>
          <w:u w:val="single"/>
        </w:rPr>
      </w:pPr>
      <w:r>
        <w:rPr>
          <w:b/>
          <w:bCs/>
          <w:sz w:val="28"/>
          <w:szCs w:val="28"/>
          <w:u w:val="single"/>
        </w:rPr>
        <w:br w:type="page"/>
      </w:r>
    </w:p>
    <w:p w14:paraId="16EF83E8" w14:textId="282C0B0E" w:rsidR="003C6F1C" w:rsidRDefault="00F473EC">
      <w:pPr>
        <w:rPr>
          <w:b/>
          <w:bCs/>
          <w:sz w:val="28"/>
          <w:szCs w:val="28"/>
          <w:u w:val="single"/>
        </w:rPr>
      </w:pPr>
      <w:r w:rsidRPr="00F473EC">
        <w:rPr>
          <w:b/>
          <w:bCs/>
          <w:sz w:val="28"/>
          <w:szCs w:val="28"/>
          <w:u w:val="single"/>
        </w:rPr>
        <w:t>Declaration by Candidate</w:t>
      </w:r>
    </w:p>
    <w:p w14:paraId="361A34B3" w14:textId="77777777" w:rsidR="00F473EC" w:rsidRPr="00F473EC" w:rsidRDefault="00F473EC">
      <w:pPr>
        <w:rPr>
          <w:b/>
          <w:bCs/>
          <w:sz w:val="28"/>
          <w:szCs w:val="28"/>
          <w:u w:val="single"/>
        </w:rPr>
      </w:pPr>
    </w:p>
    <w:p w14:paraId="171F10F9" w14:textId="1DDAE372" w:rsidR="00F473EC" w:rsidRDefault="00F473EC"/>
    <w:p w14:paraId="4A5D05E5" w14:textId="54380C74" w:rsidR="00F473EC" w:rsidRPr="00734980" w:rsidRDefault="00F473EC" w:rsidP="00F473EC">
      <w:pPr>
        <w:spacing w:line="360" w:lineRule="auto"/>
        <w:jc w:val="both"/>
      </w:pPr>
      <w:r w:rsidRPr="00D052EB">
        <w:rPr>
          <w:b/>
        </w:rPr>
        <w:t>I</w:t>
      </w:r>
      <w:r>
        <w:rPr>
          <w:b/>
        </w:rPr>
        <w:t>, _______</w:t>
      </w:r>
      <w:proofErr w:type="spellStart"/>
      <w:r>
        <w:rPr>
          <w:b/>
        </w:rPr>
        <w:t>Full_Name</w:t>
      </w:r>
      <w:proofErr w:type="spellEnd"/>
      <w:r>
        <w:rPr>
          <w:b/>
        </w:rPr>
        <w:t>_______,</w:t>
      </w:r>
      <w:r w:rsidRPr="00D052EB">
        <w:rPr>
          <w:b/>
        </w:rPr>
        <w:t xml:space="preserve"> fully understand and accept the terms and conditions set out in </w:t>
      </w:r>
      <w:r>
        <w:rPr>
          <w:b/>
        </w:rPr>
        <w:t>this document as well as the Administrative Note</w:t>
      </w:r>
      <w:r w:rsidRPr="00D052EB">
        <w:rPr>
          <w:b/>
        </w:rPr>
        <w:t>.</w:t>
      </w:r>
      <w:r>
        <w:rPr>
          <w:b/>
        </w:rPr>
        <w:t xml:space="preserve"> </w:t>
      </w:r>
      <w:r w:rsidRPr="00734980">
        <w:t xml:space="preserve">I confirm that I </w:t>
      </w:r>
      <w:r>
        <w:t xml:space="preserve">have read and understood all the Code of Conduct, Rules, and Regulations of the Entrance Test and undertake to abide by its rules. I also declare that the information submitted within this document are to the best of my knowledge.  </w:t>
      </w:r>
    </w:p>
    <w:p w14:paraId="6DB7F13D" w14:textId="77777777" w:rsidR="00F473EC" w:rsidRPr="00734980" w:rsidRDefault="00F473EC" w:rsidP="00F473EC">
      <w:pPr>
        <w:spacing w:line="360" w:lineRule="auto"/>
        <w:jc w:val="both"/>
      </w:pPr>
    </w:p>
    <w:p w14:paraId="44AEA333" w14:textId="506ADF5E" w:rsidR="00F473EC" w:rsidRPr="00734980" w:rsidRDefault="00F473EC" w:rsidP="00F473EC">
      <w:pPr>
        <w:spacing w:line="360" w:lineRule="auto"/>
        <w:jc w:val="both"/>
      </w:pPr>
      <w:r w:rsidRPr="00734980">
        <w:t xml:space="preserve">I grant my consent for my personal particulars to be collected and used and where applicable disclosed by Singapore Polytechnic to the relevant authorities/parties, </w:t>
      </w:r>
      <w:r>
        <w:t>for the purposes of the Entrance Test.</w:t>
      </w:r>
    </w:p>
    <w:p w14:paraId="7AB7C70C" w14:textId="77777777" w:rsidR="00F473EC" w:rsidRPr="00734980" w:rsidRDefault="00F473EC" w:rsidP="00F473EC">
      <w:pPr>
        <w:spacing w:line="360" w:lineRule="auto"/>
        <w:jc w:val="both"/>
      </w:pPr>
    </w:p>
    <w:tbl>
      <w:tblPr>
        <w:tblW w:w="8931" w:type="dxa"/>
        <w:tblLook w:val="04A0" w:firstRow="1" w:lastRow="0" w:firstColumn="1" w:lastColumn="0" w:noHBand="0" w:noVBand="1"/>
      </w:tblPr>
      <w:tblGrid>
        <w:gridCol w:w="8931"/>
      </w:tblGrid>
      <w:tr w:rsidR="00F473EC" w:rsidRPr="00734980" w14:paraId="0CE04DC6" w14:textId="77777777" w:rsidTr="00F473EC">
        <w:trPr>
          <w:trHeight w:val="2041"/>
        </w:trPr>
        <w:tc>
          <w:tcPr>
            <w:tcW w:w="8931" w:type="dxa"/>
            <w:shd w:val="clear" w:color="auto" w:fill="auto"/>
          </w:tcPr>
          <w:p w14:paraId="2103F807" w14:textId="77777777" w:rsidR="00F473EC" w:rsidRDefault="00F473EC" w:rsidP="00FC6136">
            <w:pPr>
              <w:spacing w:before="120" w:line="360" w:lineRule="auto"/>
              <w:jc w:val="both"/>
            </w:pPr>
          </w:p>
          <w:p w14:paraId="304EE61B" w14:textId="63976B6C" w:rsidR="00F473EC" w:rsidRPr="00734980" w:rsidRDefault="00F473EC" w:rsidP="00FC6136">
            <w:pPr>
              <w:spacing w:before="120" w:line="360" w:lineRule="auto"/>
              <w:jc w:val="both"/>
            </w:pPr>
            <w:r>
              <w:t xml:space="preserve">Full </w:t>
            </w:r>
            <w:r w:rsidRPr="00734980">
              <w:t>Name:________________________________________</w:t>
            </w:r>
          </w:p>
          <w:p w14:paraId="5DDE712C" w14:textId="77777777" w:rsidR="00F473EC" w:rsidRDefault="00F473EC" w:rsidP="00FC6136">
            <w:pPr>
              <w:spacing w:before="120" w:line="360" w:lineRule="auto"/>
              <w:jc w:val="both"/>
            </w:pPr>
          </w:p>
          <w:p w14:paraId="39A89D3F" w14:textId="54261913" w:rsidR="00F473EC" w:rsidRDefault="00F473EC" w:rsidP="00FC6136">
            <w:pPr>
              <w:spacing w:before="120" w:line="360" w:lineRule="auto"/>
              <w:jc w:val="both"/>
            </w:pPr>
            <w:r>
              <w:t xml:space="preserve">Identity Card/ Passport </w:t>
            </w:r>
            <w:r w:rsidRPr="00734980">
              <w:t>Number:________________________________</w:t>
            </w:r>
          </w:p>
          <w:p w14:paraId="779B8C68" w14:textId="77777777" w:rsidR="00465E90" w:rsidRDefault="00465E90" w:rsidP="00FC6136">
            <w:pPr>
              <w:spacing w:before="120" w:line="360" w:lineRule="auto"/>
              <w:jc w:val="both"/>
            </w:pPr>
          </w:p>
          <w:p w14:paraId="14A541D2" w14:textId="13B9CF68" w:rsidR="00F473EC" w:rsidRDefault="00465E90" w:rsidP="00FC6136">
            <w:pPr>
              <w:spacing w:before="120" w:line="360" w:lineRule="auto"/>
              <w:jc w:val="both"/>
              <w:rPr>
                <w:u w:val="single"/>
              </w:rPr>
            </w:pPr>
            <w:r w:rsidRPr="00734980">
              <w:t>Signature:_____________________________________</w:t>
            </w:r>
            <w:r w:rsidRPr="00734980">
              <w:rPr>
                <w:u w:val="single"/>
              </w:rPr>
              <w:t xml:space="preserve">                </w:t>
            </w:r>
          </w:p>
          <w:p w14:paraId="46A6F695" w14:textId="77777777" w:rsidR="00465E90" w:rsidRDefault="00465E90" w:rsidP="00FC6136">
            <w:pPr>
              <w:spacing w:before="120" w:line="360" w:lineRule="auto"/>
              <w:jc w:val="both"/>
            </w:pPr>
          </w:p>
          <w:p w14:paraId="22DAD727" w14:textId="77777777" w:rsidR="00F473EC" w:rsidRPr="00734980" w:rsidRDefault="00F473EC" w:rsidP="00FC6136">
            <w:pPr>
              <w:spacing w:before="120" w:line="360" w:lineRule="auto"/>
              <w:jc w:val="both"/>
            </w:pPr>
            <w:r w:rsidRPr="00734980">
              <w:t>Date:________________</w:t>
            </w:r>
            <w:r w:rsidRPr="00734980">
              <w:rPr>
                <w:u w:val="single"/>
              </w:rPr>
              <w:t xml:space="preserve">                         </w:t>
            </w:r>
            <w:r w:rsidRPr="00734980">
              <w:t xml:space="preserve">   </w:t>
            </w:r>
            <w:r w:rsidRPr="00734980">
              <w:rPr>
                <w:u w:val="single"/>
              </w:rPr>
              <w:t xml:space="preserve"> </w:t>
            </w:r>
            <w:r w:rsidRPr="00734980">
              <w:t xml:space="preserve">  </w:t>
            </w:r>
            <w:r w:rsidRPr="00734980">
              <w:rPr>
                <w:u w:val="single"/>
              </w:rPr>
              <w:t xml:space="preserve">     </w:t>
            </w:r>
          </w:p>
        </w:tc>
      </w:tr>
    </w:tbl>
    <w:p w14:paraId="71544EB9" w14:textId="77777777" w:rsidR="00F473EC" w:rsidRDefault="00F473EC"/>
    <w:sectPr w:rsidR="00F473EC">
      <w:headerReference w:type="default" r:id="rId12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C6BC029" w14:textId="77777777" w:rsidR="00461DE4" w:rsidRDefault="00461DE4" w:rsidP="00461DE4">
      <w:pPr>
        <w:spacing w:line="240" w:lineRule="auto"/>
      </w:pPr>
      <w:r>
        <w:separator/>
      </w:r>
    </w:p>
  </w:endnote>
  <w:endnote w:type="continuationSeparator" w:id="0">
    <w:p w14:paraId="6F9E89A8" w14:textId="77777777" w:rsidR="00461DE4" w:rsidRDefault="00461DE4" w:rsidP="00461DE4">
      <w:pPr>
        <w:spacing w:line="240" w:lineRule="auto"/>
      </w:pPr>
      <w:r>
        <w:continuationSeparator/>
      </w:r>
    </w:p>
  </w:endnote>
  <w:endnote w:type="continuationNotice" w:id="1">
    <w:p w14:paraId="3E92D654" w14:textId="77777777" w:rsidR="00A70E59" w:rsidRDefault="00A70E59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88C7772" w14:textId="77777777" w:rsidR="00461DE4" w:rsidRDefault="00461DE4" w:rsidP="00461DE4">
      <w:pPr>
        <w:spacing w:line="240" w:lineRule="auto"/>
      </w:pPr>
      <w:r>
        <w:separator/>
      </w:r>
    </w:p>
  </w:footnote>
  <w:footnote w:type="continuationSeparator" w:id="0">
    <w:p w14:paraId="5852DFC5" w14:textId="77777777" w:rsidR="00461DE4" w:rsidRDefault="00461DE4" w:rsidP="00461DE4">
      <w:pPr>
        <w:spacing w:line="240" w:lineRule="auto"/>
      </w:pPr>
      <w:r>
        <w:continuationSeparator/>
      </w:r>
    </w:p>
  </w:footnote>
  <w:footnote w:type="continuationNotice" w:id="1">
    <w:p w14:paraId="11EEB851" w14:textId="77777777" w:rsidR="00A70E59" w:rsidRDefault="00A70E59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9C2A98E" w14:textId="3E1DF49A" w:rsidR="002F7045" w:rsidRPr="002F7045" w:rsidRDefault="002F7045" w:rsidP="002F7045">
    <w:pPr>
      <w:pStyle w:val="Header"/>
      <w:jc w:val="center"/>
      <w:rPr>
        <w:lang w:val="en-SG"/>
      </w:rPr>
    </w:pPr>
    <w:r>
      <w:rPr>
        <w:lang w:val="en-SG"/>
      </w:rPr>
      <w:t>Official (Closed), Sensitive (Normal)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362E60"/>
    <w:multiLevelType w:val="hybridMultilevel"/>
    <w:tmpl w:val="A4B89E52"/>
    <w:lvl w:ilvl="0" w:tplc="48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hdrShapeDefaults>
    <o:shapedefaults v:ext="edit" spidmax="16385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00749"/>
    <w:rsid w:val="00031B84"/>
    <w:rsid w:val="00067CC3"/>
    <w:rsid w:val="00124AF3"/>
    <w:rsid w:val="001260C1"/>
    <w:rsid w:val="001B177D"/>
    <w:rsid w:val="00200749"/>
    <w:rsid w:val="00275341"/>
    <w:rsid w:val="002A6FC3"/>
    <w:rsid w:val="002F7045"/>
    <w:rsid w:val="003A5BC6"/>
    <w:rsid w:val="003C6F1C"/>
    <w:rsid w:val="003F0D19"/>
    <w:rsid w:val="004071AE"/>
    <w:rsid w:val="00461DE4"/>
    <w:rsid w:val="00465E90"/>
    <w:rsid w:val="00526BD4"/>
    <w:rsid w:val="0058283D"/>
    <w:rsid w:val="00630EB9"/>
    <w:rsid w:val="00664BA4"/>
    <w:rsid w:val="007B7752"/>
    <w:rsid w:val="007C001B"/>
    <w:rsid w:val="007C052A"/>
    <w:rsid w:val="008A7769"/>
    <w:rsid w:val="008C4585"/>
    <w:rsid w:val="009046E0"/>
    <w:rsid w:val="00983470"/>
    <w:rsid w:val="00A60009"/>
    <w:rsid w:val="00A70E59"/>
    <w:rsid w:val="00B132F4"/>
    <w:rsid w:val="00B5696E"/>
    <w:rsid w:val="00C02FF9"/>
    <w:rsid w:val="00C74290"/>
    <w:rsid w:val="00D97BDA"/>
    <w:rsid w:val="00E257C6"/>
    <w:rsid w:val="00F473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SG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/>
    <o:shapelayout v:ext="edit">
      <o:idmap v:ext="edit" data="1"/>
    </o:shapelayout>
  </w:shapeDefaults>
  <w:decimalSymbol w:val="."/>
  <w:listSeparator w:val=","/>
  <w14:docId w14:val="22D3AEA3"/>
  <w15:chartTrackingRefBased/>
  <w15:docId w15:val="{B97DC98D-4B0F-4B62-91ED-52E85C258FF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SG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00749"/>
    <w:pPr>
      <w:spacing w:after="0" w:line="276" w:lineRule="auto"/>
    </w:pPr>
    <w:rPr>
      <w:lang w:val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CommentReference">
    <w:name w:val="annotation reference"/>
    <w:basedOn w:val="DefaultParagraphFont"/>
    <w:uiPriority w:val="99"/>
    <w:semiHidden/>
    <w:unhideWhenUsed/>
    <w:rsid w:val="00200749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200749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200749"/>
    <w:rPr>
      <w:sz w:val="20"/>
      <w:szCs w:val="20"/>
      <w:lang w:val="en-GB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00749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00749"/>
    <w:rPr>
      <w:rFonts w:ascii="Segoe UI" w:hAnsi="Segoe UI" w:cs="Segoe UI"/>
      <w:sz w:val="18"/>
      <w:szCs w:val="18"/>
      <w:lang w:val="en-GB"/>
    </w:rPr>
  </w:style>
  <w:style w:type="paragraph" w:styleId="ListParagraph">
    <w:name w:val="List Paragraph"/>
    <w:basedOn w:val="Normal"/>
    <w:uiPriority w:val="34"/>
    <w:qFormat/>
    <w:rsid w:val="00F473EC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F473EC"/>
    <w:rPr>
      <w:color w:val="0563C1" w:themeColor="hyperlink"/>
      <w:u w:val="single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F473EC"/>
    <w:rPr>
      <w:color w:val="605E5C"/>
      <w:shd w:val="clear" w:color="auto" w:fill="E1DFDD"/>
    </w:rPr>
  </w:style>
  <w:style w:type="paragraph" w:styleId="Header">
    <w:name w:val="header"/>
    <w:basedOn w:val="Normal"/>
    <w:link w:val="HeaderChar"/>
    <w:uiPriority w:val="99"/>
    <w:unhideWhenUsed/>
    <w:rsid w:val="002F7045"/>
    <w:pPr>
      <w:tabs>
        <w:tab w:val="center" w:pos="4513"/>
        <w:tab w:val="right" w:pos="9026"/>
      </w:tabs>
      <w:spacing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2F7045"/>
    <w:rPr>
      <w:lang w:val="en-GB"/>
    </w:rPr>
  </w:style>
  <w:style w:type="paragraph" w:styleId="Footer">
    <w:name w:val="footer"/>
    <w:basedOn w:val="Normal"/>
    <w:link w:val="FooterChar"/>
    <w:uiPriority w:val="99"/>
    <w:unhideWhenUsed/>
    <w:rsid w:val="002F7045"/>
    <w:pPr>
      <w:tabs>
        <w:tab w:val="center" w:pos="4513"/>
        <w:tab w:val="right" w:pos="9026"/>
      </w:tabs>
      <w:spacing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2F7045"/>
    <w:rPr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nurul_ain_abdul_aziz@spi.edu.sg" TargetMode="External"/><Relationship Id="rId5" Type="http://schemas.openxmlformats.org/officeDocument/2006/relationships/styles" Target="styles.xml"/><Relationship Id="rId10" Type="http://schemas.openxmlformats.org/officeDocument/2006/relationships/image" Target="media/image1.jpeg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Flow_SignoffStatus xmlns="2acb7727-d72b-42af-8729-b648c32ecb2c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272F9CA8F7610488EDC27ED8CE2A547" ma:contentTypeVersion="14" ma:contentTypeDescription="Create a new document." ma:contentTypeScope="" ma:versionID="7edd7537f99897d2a4104d3d78a9371c">
  <xsd:schema xmlns:xsd="http://www.w3.org/2001/XMLSchema" xmlns:xs="http://www.w3.org/2001/XMLSchema" xmlns:p="http://schemas.microsoft.com/office/2006/metadata/properties" xmlns:ns2="2acb7727-d72b-42af-8729-b648c32ecb2c" xmlns:ns3="bf1f1796-c607-4b93-b397-fa8c7d6219fe" targetNamespace="http://schemas.microsoft.com/office/2006/metadata/properties" ma:root="true" ma:fieldsID="7051e578b2d21e718f01f3190ccc63a6" ns2:_="" ns3:_="">
    <xsd:import namespace="2acb7727-d72b-42af-8729-b648c32ecb2c"/>
    <xsd:import namespace="bf1f1796-c607-4b93-b397-fa8c7d6219fe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AutoKeyPoints" minOccurs="0"/>
                <xsd:element ref="ns2:MediaServiceKeyPoints" minOccurs="0"/>
                <xsd:element ref="ns2:MediaServiceGenerationTime" minOccurs="0"/>
                <xsd:element ref="ns2:MediaServiceEventHashCode" minOccurs="0"/>
                <xsd:element ref="ns2:MediaServiceLocation" minOccurs="0"/>
                <xsd:element ref="ns2:_Flow_SignoffStatus" minOccurs="0"/>
                <xsd:element ref="ns3:SharedWithUsers" minOccurs="0"/>
                <xsd:element ref="ns3:SharedWithDetails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cb7727-d72b-42af-8729-b648c32ecb2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0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  <xsd:element name="_Flow_SignoffStatus" ma:index="18" nillable="true" ma:displayName="Sign-off status" ma:internalName="Sign_x002d_off_x0020_status">
      <xsd:simpleType>
        <xsd:restriction base="dms:Text"/>
      </xsd:simpleType>
    </xsd:element>
    <xsd:element name="MediaLengthInSeconds" ma:index="21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f1f1796-c607-4b93-b397-fa8c7d6219fe" elementFormDefault="qualified">
    <xsd:import namespace="http://schemas.microsoft.com/office/2006/documentManagement/types"/>
    <xsd:import namespace="http://schemas.microsoft.com/office/infopath/2007/PartnerControls"/>
    <xsd:element name="SharedWithUsers" ma:index="19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A9623DCE-3301-42DE-86A3-D715FF732F38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purl.org/dc/terms/"/>
    <ds:schemaRef ds:uri="bf1f1796-c607-4b93-b397-fa8c7d6219fe"/>
    <ds:schemaRef ds:uri="http://www.w3.org/XML/1998/namespace"/>
    <ds:schemaRef ds:uri="http://schemas.microsoft.com/office/2006/documentManagement/types"/>
    <ds:schemaRef ds:uri="http://schemas.openxmlformats.org/package/2006/metadata/core-properties"/>
    <ds:schemaRef ds:uri="2acb7727-d72b-42af-8729-b648c32ecb2c"/>
  </ds:schemaRefs>
</ds:datastoreItem>
</file>

<file path=customXml/itemProps2.xml><?xml version="1.0" encoding="utf-8"?>
<ds:datastoreItem xmlns:ds="http://schemas.openxmlformats.org/officeDocument/2006/customXml" ds:itemID="{E0BDA4AD-CC57-41AE-B979-A08ADF96788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acb7727-d72b-42af-8729-b648c32ecb2c"/>
    <ds:schemaRef ds:uri="bf1f1796-c607-4b93-b397-fa8c7d6219f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9A7CCBAB-1E9C-436C-9026-C9EBC6CF8CD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364</Words>
  <Characters>2078</Characters>
  <Application>Microsoft Office Word</Application>
  <DocSecurity>4</DocSecurity>
  <Lines>17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ingapore Polytechnic</Company>
  <LinksUpToDate>false</LinksUpToDate>
  <CharactersWithSpaces>24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Quah Jia Yin</dc:creator>
  <cp:keywords/>
  <dc:description/>
  <cp:lastModifiedBy>Quah Jia Yin</cp:lastModifiedBy>
  <cp:revision>2</cp:revision>
  <dcterms:created xsi:type="dcterms:W3CDTF">2022-02-18T03:56:00Z</dcterms:created>
  <dcterms:modified xsi:type="dcterms:W3CDTF">2022-02-18T03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72F9CA8F7610488EDC27ED8CE2A547</vt:lpwstr>
  </property>
</Properties>
</file>